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Lst>
  <p:notesMasterIdLst>
    <p:notesMasterId r:id="rId34"/>
  </p:notesMasterIdLst>
  <p:handoutMasterIdLst>
    <p:handoutMasterId r:id="rId35"/>
  </p:handoutMasterIdLst>
  <p:sldIdLst>
    <p:sldId id="433" r:id="rId4"/>
    <p:sldId id="451" r:id="rId5"/>
    <p:sldId id="868" r:id="rId6"/>
    <p:sldId id="872" r:id="rId7"/>
    <p:sldId id="875" r:id="rId8"/>
    <p:sldId id="449" r:id="rId9"/>
    <p:sldId id="452" r:id="rId10"/>
    <p:sldId id="450" r:id="rId11"/>
    <p:sldId id="876" r:id="rId12"/>
    <p:sldId id="874" r:id="rId13"/>
    <p:sldId id="870" r:id="rId14"/>
    <p:sldId id="871" r:id="rId15"/>
    <p:sldId id="865" r:id="rId16"/>
    <p:sldId id="867" r:id="rId17"/>
    <p:sldId id="378" r:id="rId18"/>
    <p:sldId id="866" r:id="rId19"/>
    <p:sldId id="869" r:id="rId20"/>
    <p:sldId id="873" r:id="rId21"/>
    <p:sldId id="441" r:id="rId22"/>
    <p:sldId id="447" r:id="rId23"/>
    <p:sldId id="437" r:id="rId24"/>
    <p:sldId id="445" r:id="rId25"/>
    <p:sldId id="438" r:id="rId26"/>
    <p:sldId id="446" r:id="rId27"/>
    <p:sldId id="443" r:id="rId28"/>
    <p:sldId id="440" r:id="rId29"/>
    <p:sldId id="436" r:id="rId30"/>
    <p:sldId id="448" r:id="rId31"/>
    <p:sldId id="444" r:id="rId32"/>
    <p:sldId id="265" r:id="rId33"/>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FECE59"/>
    <a:srgbClr val="0F46A7"/>
    <a:srgbClr val="970A82"/>
    <a:srgbClr val="FF3399"/>
    <a:srgbClr val="FF0000"/>
    <a:srgbClr val="FFFFFF"/>
    <a:srgbClr val="FEE3A1"/>
    <a:srgbClr val="FFF1D0"/>
    <a:srgbClr val="FFF8E7"/>
    <a:srgbClr val="00328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7819" autoAdjust="0"/>
  </p:normalViewPr>
  <p:slideViewPr>
    <p:cSldViewPr snapToGrid="0" showGuides="1">
      <p:cViewPr varScale="1">
        <p:scale>
          <a:sx n="143" d="100"/>
          <a:sy n="143" d="100"/>
        </p:scale>
        <p:origin x="888"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9" Type="http://schemas.openxmlformats.org/officeDocument/2006/relationships/tableStyles" Target="tableStyles.xml"/><Relationship Id="rId3" Type="http://schemas.openxmlformats.org/officeDocument/2006/relationships/slideMaster" Target="slideMasters/slideMaster3.xml"/><Relationship Id="rId21" Type="http://schemas.openxmlformats.org/officeDocument/2006/relationships/slide" Target="slides/slide18.xml"/><Relationship Id="rId34" Type="http://schemas.openxmlformats.org/officeDocument/2006/relationships/notesMaster" Target="notesMasters/notesMaster1.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slide" Target="slides/slide26.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viewProps" Target="viewProps.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presProps" Target="presProps.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slide" Target="slides/slide28.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71069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4</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9</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5</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26</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2.svg"/><Relationship Id="rId4" Type="http://schemas.openxmlformats.org/officeDocument/2006/relationships/image" Target="../media/image11.png"/></Relationships>
</file>

<file path=ppt/slides/_rels/slide11.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16.png"/><Relationship Id="rId1" Type="http://schemas.openxmlformats.org/officeDocument/2006/relationships/slideLayout" Target="../slideLayouts/slideLayout9.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2.xml"/></Relationships>
</file>

<file path=ppt/slides/_rels/slide16.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35.xml"/></Relationships>
</file>

<file path=ppt/slides/_rels/slide17.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38.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5.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5.xml"/></Relationships>
</file>

<file path=ppt/slides/_rels/slide2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8.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5.xml"/></Relationships>
</file>

<file path=ppt/slides/_rels/slide2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0.xml"/><Relationship Id="rId1" Type="http://schemas.openxmlformats.org/officeDocument/2006/relationships/slideLayout" Target="../slideLayouts/slideLayout5.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8.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5.xml"/></Relationships>
</file>

<file path=ppt/slides/_rels/slide2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3.xml"/><Relationship Id="rId1" Type="http://schemas.openxmlformats.org/officeDocument/2006/relationships/slideLayout" Target="../slideLayouts/slideLayout5.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5.xml"/></Relationships>
</file>

<file path=ppt/slides/_rels/slide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5.xml"/></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5.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2.svg"/><Relationship Id="rId4" Type="http://schemas.openxmlformats.org/officeDocument/2006/relationships/image" Target="../media/image11.png"/></Relationships>
</file>

<file path=ppt/slides/_rels/slide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2.svg"/><Relationship Id="rId4" Type="http://schemas.openxmlformats.org/officeDocument/2006/relationships/image" Target="../media/image1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chemeClr val="accent1"/>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chemeClr val="accent1"/>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770266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1531</Words>
  <Application>Microsoft Office PowerPoint</Application>
  <PresentationFormat>Custom</PresentationFormat>
  <Paragraphs>342</Paragraphs>
  <Slides>30</Slides>
  <Notes>25</Notes>
  <HiddenSlides>1</HiddenSlides>
  <MMClips>0</MMClips>
  <ScaleCrop>false</ScaleCrop>
  <HeadingPairs>
    <vt:vector size="6" baseType="variant">
      <vt:variant>
        <vt:lpstr>Fonts Used</vt:lpstr>
      </vt:variant>
      <vt:variant>
        <vt:i4>7</vt:i4>
      </vt:variant>
      <vt:variant>
        <vt:lpstr>Theme</vt:lpstr>
      </vt:variant>
      <vt:variant>
        <vt:i4>3</vt:i4>
      </vt:variant>
      <vt:variant>
        <vt:lpstr>Slide Titles</vt:lpstr>
      </vt:variant>
      <vt:variant>
        <vt:i4>30</vt:i4>
      </vt:variant>
    </vt:vector>
  </HeadingPairs>
  <TitlesOfParts>
    <vt:vector size="40"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PowerPoint Presentation</vt:lpstr>
      <vt:lpstr>xxx</vt:lpstr>
      <vt:lpstr>Cloud Curriculum, Reference/ Sample Microservice: bulletinboard</vt:lpstr>
      <vt:lpstr>Cloud Curriculum, Reference/ Sample Microservice: bulletinboard</vt:lpstr>
      <vt:lpstr>Cloud Curriculum, Reference/ Sample Microservice: bulletinboard</vt:lpstr>
      <vt:lpstr>Demo</vt:lpstr>
      <vt:lpstr>What YOU will do in exercise #0x</vt:lpstr>
      <vt:lpstr>Appendi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507</cp:revision>
  <dcterms:created xsi:type="dcterms:W3CDTF">2015-10-14T11:21:43Z</dcterms:created>
  <dcterms:modified xsi:type="dcterms:W3CDTF">2018-08-15T15:15:4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